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4" windowWidth="14940" windowHeight="9024"/>
  </bookViews>
  <sheets>
    <sheet name="中学校（相模原市）" sheetId="1" r:id="rId1"/>
  </sheets>
  <definedNames>
    <definedName name="_xlnm.Print_Area" localSheetId="0">'中学校（相模原市）'!$B$2:$I$39</definedName>
    <definedName name="_xlnm.Print_Titles" localSheetId="0">'中学校（相模原市）'!$4:$4</definedName>
  </definedNames>
  <calcPr calcId="152511"/>
</workbook>
</file>

<file path=xl/sharedStrings.xml><?xml version="1.0" encoding="utf-8"?>
<sst xmlns="http://schemas.openxmlformats.org/spreadsheetml/2006/main" count="229" uniqueCount="227">
  <si>
    <t>相模原市</t>
    <rPh sb="0" eb="4">
      <t>サガミハラシ</t>
    </rPh>
    <phoneticPr fontId="1"/>
  </si>
  <si>
    <t>（本校12校）</t>
    <rPh sb="1" eb="3">
      <t>ホンコウ</t>
    </rPh>
    <rPh sb="5" eb="6">
      <t>コウ</t>
    </rPh>
    <phoneticPr fontId="1"/>
  </si>
  <si>
    <t>緑区</t>
    <rPh sb="0" eb="2">
      <t>ミドリク</t>
    </rPh>
    <phoneticPr fontId="1"/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相模原市南区上鶴間8-21-1</t>
    <rPh sb="4" eb="6">
      <t>ミナミク</t>
    </rPh>
    <phoneticPr fontId="1"/>
  </si>
  <si>
    <t>相模原市南区鵜野森1-11-1</t>
    <rPh sb="4" eb="6">
      <t>ミナミク</t>
    </rPh>
    <phoneticPr fontId="1"/>
  </si>
  <si>
    <t>相模原市南区新磯野2046</t>
    <rPh sb="4" eb="6">
      <t>ミナミク</t>
    </rPh>
    <phoneticPr fontId="1"/>
  </si>
  <si>
    <t>相模原市南区相模大野9-14-1</t>
    <rPh sb="4" eb="6">
      <t>ミナミク</t>
    </rPh>
    <phoneticPr fontId="1"/>
  </si>
  <si>
    <t>相模原市南区上鶴間本町4-13-43</t>
    <rPh sb="4" eb="6">
      <t>ミナミク</t>
    </rPh>
    <rPh sb="9" eb="11">
      <t>ホンチョウ</t>
    </rPh>
    <phoneticPr fontId="2"/>
  </si>
  <si>
    <t>相模原市南区新磯野5-1-10</t>
    <rPh sb="4" eb="6">
      <t>ミナミク</t>
    </rPh>
    <phoneticPr fontId="1"/>
  </si>
  <si>
    <t>相模原市南区大野台8-2-1</t>
    <rPh sb="4" eb="6">
      <t>ミナミク</t>
    </rPh>
    <phoneticPr fontId="1"/>
  </si>
  <si>
    <t>相模原市南区麻溝台4-12-1</t>
    <rPh sb="4" eb="6">
      <t>ミナミク</t>
    </rPh>
    <phoneticPr fontId="1"/>
  </si>
  <si>
    <t>相模原市南区上鶴間4-14-1</t>
    <rPh sb="4" eb="6">
      <t>ミナミク</t>
    </rPh>
    <phoneticPr fontId="1"/>
  </si>
  <si>
    <t>相模原市南区桜台20-1</t>
    <rPh sb="4" eb="6">
      <t>ミナミク</t>
    </rPh>
    <phoneticPr fontId="1"/>
  </si>
  <si>
    <t>相模原市南区文京1-10-1</t>
    <rPh sb="4" eb="6">
      <t>ミナミク</t>
    </rPh>
    <phoneticPr fontId="1"/>
  </si>
  <si>
    <t>相模原市南区磯部1540</t>
    <rPh sb="4" eb="6">
      <t>ミナミク</t>
    </rPh>
    <phoneticPr fontId="1"/>
  </si>
  <si>
    <t>相模原市立相陽中学校</t>
    <rPh sb="0" eb="3">
      <t>サガミハラ</t>
    </rPh>
    <phoneticPr fontId="2"/>
  </si>
  <si>
    <t>南区</t>
    <rPh sb="0" eb="2">
      <t>ミナミク</t>
    </rPh>
    <phoneticPr fontId="1"/>
  </si>
  <si>
    <t>相模原市中央区由野台3-1-3</t>
    <rPh sb="4" eb="7">
      <t>チュウオウク</t>
    </rPh>
    <phoneticPr fontId="1"/>
  </si>
  <si>
    <t>相模原市中央区小山4-3-1</t>
    <rPh sb="4" eb="7">
      <t>チュウオウク</t>
    </rPh>
    <phoneticPr fontId="1"/>
  </si>
  <si>
    <t>相模原市中央区上溝2322-2</t>
    <rPh sb="4" eb="7">
      <t>チュウオウク</t>
    </rPh>
    <phoneticPr fontId="1"/>
  </si>
  <si>
    <t>相模原市中央区弥栄3-1-7</t>
    <rPh sb="4" eb="7">
      <t>チュウオウク</t>
    </rPh>
    <phoneticPr fontId="1"/>
  </si>
  <si>
    <t>相模原市中央区富士見1-3-17</t>
    <rPh sb="4" eb="7">
      <t>チュウオウク</t>
    </rPh>
    <phoneticPr fontId="1"/>
  </si>
  <si>
    <t>相模原市中央区緑が丘1-28-1</t>
    <rPh sb="4" eb="7">
      <t>チュウオウク</t>
    </rPh>
    <phoneticPr fontId="1"/>
  </si>
  <si>
    <t>相模原市中央区共和1-3-10</t>
    <rPh sb="4" eb="7">
      <t>チュウオウク</t>
    </rPh>
    <phoneticPr fontId="1"/>
  </si>
  <si>
    <t>相模原市中央区清新8-5-1</t>
    <rPh sb="4" eb="7">
      <t>チュウオウク</t>
    </rPh>
    <phoneticPr fontId="1"/>
  </si>
  <si>
    <t>相模原市中央区淵野辺2-8-40</t>
    <rPh sb="4" eb="7">
      <t>チュウオウク</t>
    </rPh>
    <phoneticPr fontId="1"/>
  </si>
  <si>
    <t>相模原市中央区田名5250-1</t>
    <rPh sb="4" eb="7">
      <t>チュウオウク</t>
    </rPh>
    <phoneticPr fontId="1"/>
  </si>
  <si>
    <t>（本校11校）</t>
    <rPh sb="1" eb="3">
      <t>ホンコウ</t>
    </rPh>
    <rPh sb="5" eb="6">
      <t>コウ</t>
    </rPh>
    <phoneticPr fontId="1"/>
  </si>
  <si>
    <t>相模原市中央区横山5-19-54</t>
    <rPh sb="4" eb="7">
      <t>チュウオウク</t>
    </rPh>
    <phoneticPr fontId="1"/>
  </si>
  <si>
    <t>中央区</t>
    <rPh sb="0" eb="3">
      <t>チュウオウク</t>
    </rPh>
    <phoneticPr fontId="1"/>
  </si>
  <si>
    <t>相模原市緑区小渕2082</t>
    <rPh sb="4" eb="6">
      <t>ミドリク</t>
    </rPh>
    <phoneticPr fontId="2"/>
  </si>
  <si>
    <t>相模原市立藤野中学校</t>
    <rPh sb="5" eb="6">
      <t>フジ</t>
    </rPh>
    <phoneticPr fontId="2"/>
  </si>
  <si>
    <t>相模原市緑区寸沢嵐2742-4</t>
    <rPh sb="4" eb="6">
      <t>ミドリク</t>
    </rPh>
    <phoneticPr fontId="2"/>
  </si>
  <si>
    <t>相模原市緑区与瀬1019-5</t>
    <rPh sb="4" eb="6">
      <t>ミドリク</t>
    </rPh>
    <phoneticPr fontId="2"/>
  </si>
  <si>
    <t>相模原市緑区長竹1469</t>
    <rPh sb="4" eb="6">
      <t>ミドリク</t>
    </rPh>
    <phoneticPr fontId="2"/>
  </si>
  <si>
    <t>相模原市緑区中野960</t>
    <rPh sb="4" eb="6">
      <t>ミドリク</t>
    </rPh>
    <phoneticPr fontId="2"/>
  </si>
  <si>
    <t>相模原市緑区城山2-7-1</t>
    <rPh sb="4" eb="6">
      <t>ミドリク</t>
    </rPh>
    <phoneticPr fontId="2"/>
  </si>
  <si>
    <t>相模原市立中沢中学校</t>
    <rPh sb="5" eb="7">
      <t>ナカザワ</t>
    </rPh>
    <phoneticPr fontId="2"/>
  </si>
  <si>
    <t>相模原市緑区久保沢2-22-4</t>
    <rPh sb="4" eb="6">
      <t>ミドリク</t>
    </rPh>
    <phoneticPr fontId="2"/>
  </si>
  <si>
    <t>相模原市立相模丘中学校</t>
    <rPh sb="5" eb="7">
      <t>サガミ</t>
    </rPh>
    <phoneticPr fontId="2"/>
  </si>
  <si>
    <t>相模原市緑区下九沢2845</t>
    <rPh sb="4" eb="6">
      <t>ミドリク</t>
    </rPh>
    <phoneticPr fontId="1"/>
  </si>
  <si>
    <t>相模原市緑区橋本8-12-1</t>
    <rPh sb="4" eb="6">
      <t>ミドリク</t>
    </rPh>
    <phoneticPr fontId="1"/>
  </si>
  <si>
    <t>相模原市緑区橋本1-12-15</t>
    <rPh sb="4" eb="6">
      <t>ミドリク</t>
    </rPh>
    <phoneticPr fontId="1"/>
  </si>
  <si>
    <t>相模原市緑区大島1800</t>
    <rPh sb="4" eb="6">
      <t>ミドリク</t>
    </rPh>
    <phoneticPr fontId="1"/>
  </si>
  <si>
    <t>よみがな</t>
    <phoneticPr fontId="1"/>
  </si>
  <si>
    <t>(042)761-2612</t>
  </si>
  <si>
    <t>(042)762-8961</t>
  </si>
  <si>
    <t>(042)772-0235</t>
  </si>
  <si>
    <t>(042)779-4383</t>
  </si>
  <si>
    <t>(042)773-1451</t>
  </si>
  <si>
    <t>(042)779-4386</t>
  </si>
  <si>
    <t>(042)761-0818</t>
  </si>
  <si>
    <t>(042)763-4497</t>
  </si>
  <si>
    <t>(042)782-2310</t>
  </si>
  <si>
    <t>(042)782-2387</t>
  </si>
  <si>
    <t>(042)782-8877</t>
  </si>
  <si>
    <t>(042)782-8290</t>
  </si>
  <si>
    <t>(042)784-1240</t>
  </si>
  <si>
    <t>(042)784-1423</t>
  </si>
  <si>
    <t>(042)784-0639</t>
  </si>
  <si>
    <t>(042)784-0199</t>
  </si>
  <si>
    <t>(042)685-1413</t>
  </si>
  <si>
    <t>(042)685-1673</t>
  </si>
  <si>
    <t>(042)685-0013</t>
  </si>
  <si>
    <t>(042)685-0530</t>
  </si>
  <si>
    <t>(042)687-3019</t>
  </si>
  <si>
    <t>(042)687-5897</t>
  </si>
  <si>
    <t>(042)755-3711</t>
  </si>
  <si>
    <t>(042)752-6193</t>
  </si>
  <si>
    <t>(042)762-0169</t>
  </si>
  <si>
    <t>(042)762-8549</t>
  </si>
  <si>
    <t>(042)752-2022</t>
  </si>
  <si>
    <t>(042)752-7158</t>
  </si>
  <si>
    <t>(042)754-9443</t>
  </si>
  <si>
    <t>(042)752-7186</t>
  </si>
  <si>
    <t>(042)756-3012</t>
  </si>
  <si>
    <t>(042)752-9067</t>
  </si>
  <si>
    <t>(042)755-4842</t>
  </si>
  <si>
    <t>(042)752-9251</t>
  </si>
  <si>
    <t>(042)755-0071</t>
  </si>
  <si>
    <t>(042)753-9056</t>
  </si>
  <si>
    <t>(042)758-0252</t>
  </si>
  <si>
    <t>(042)758-0693</t>
  </si>
  <si>
    <t>(042)763-0155</t>
  </si>
  <si>
    <t>(042)763-0193</t>
  </si>
  <si>
    <t>(042)773-3180</t>
  </si>
  <si>
    <t>(042)779-4385</t>
  </si>
  <si>
    <t>(042)758-3383</t>
  </si>
  <si>
    <t>(042)758-4473</t>
  </si>
  <si>
    <t>(042)778-0330</t>
  </si>
  <si>
    <t>(042)777-0804</t>
  </si>
  <si>
    <t>(042)742-3704</t>
  </si>
  <si>
    <t>(042)741-7975</t>
  </si>
  <si>
    <t>(042)742-6411</t>
  </si>
  <si>
    <t>(042)741-7971</t>
  </si>
  <si>
    <t>(042)743-9881</t>
  </si>
  <si>
    <t>(042)741-7968</t>
  </si>
  <si>
    <t>(042)745-7197</t>
  </si>
  <si>
    <t>(042)741-7965</t>
  </si>
  <si>
    <t>(042)755-4843</t>
  </si>
  <si>
    <t>(042)753-9007</t>
  </si>
  <si>
    <t>(042)746-6201</t>
  </si>
  <si>
    <t>(042)741-7962</t>
  </si>
  <si>
    <t>(042)743-2234</t>
  </si>
  <si>
    <t>(042)741-7961</t>
  </si>
  <si>
    <t>(042)742-0036</t>
  </si>
  <si>
    <t>(042)741-7956</t>
  </si>
  <si>
    <t>(042)748-5788</t>
  </si>
  <si>
    <t>(042)741-7947</t>
  </si>
  <si>
    <t>(042)743-2292</t>
  </si>
  <si>
    <t>(042)741-7946</t>
  </si>
  <si>
    <t>(042)749-1175</t>
  </si>
  <si>
    <t>(042)741-7936</t>
  </si>
  <si>
    <t>あさひ</t>
    <phoneticPr fontId="1"/>
  </si>
  <si>
    <t>相模原市立大沢中学校</t>
    <phoneticPr fontId="2"/>
  </si>
  <si>
    <t>おおさわ</t>
    <phoneticPr fontId="1"/>
  </si>
  <si>
    <r>
      <t>252-</t>
    </r>
    <r>
      <rPr>
        <sz val="11"/>
        <rFont val="ＭＳ Ｐゴシック"/>
        <family val="3"/>
        <charset val="128"/>
      </rPr>
      <t>0135</t>
    </r>
    <phoneticPr fontId="1"/>
  </si>
  <si>
    <t>相模原市立旭中学校</t>
    <phoneticPr fontId="2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t>相模原市立相原中学校</t>
    <phoneticPr fontId="2"/>
  </si>
  <si>
    <t>あいはら</t>
    <phoneticPr fontId="1"/>
  </si>
  <si>
    <t>相模原市立内出中学校</t>
    <phoneticPr fontId="2"/>
  </si>
  <si>
    <t>うちで</t>
    <phoneticPr fontId="1"/>
  </si>
  <si>
    <r>
      <t>252-</t>
    </r>
    <r>
      <rPr>
        <sz val="11"/>
        <rFont val="ＭＳ Ｐゴシック"/>
        <family val="3"/>
        <charset val="128"/>
      </rPr>
      <t>0134</t>
    </r>
    <phoneticPr fontId="1"/>
  </si>
  <si>
    <t>さがみがおか</t>
    <phoneticPr fontId="2"/>
  </si>
  <si>
    <r>
      <t>252-</t>
    </r>
    <r>
      <rPr>
        <sz val="11"/>
        <rFont val="ＭＳ Ｐゴシック"/>
        <family val="3"/>
        <charset val="128"/>
      </rPr>
      <t>0105</t>
    </r>
    <phoneticPr fontId="1"/>
  </si>
  <si>
    <t>なかざわ</t>
    <phoneticPr fontId="2"/>
  </si>
  <si>
    <r>
      <t>252-</t>
    </r>
    <r>
      <rPr>
        <sz val="11"/>
        <rFont val="ＭＳ Ｐゴシック"/>
        <family val="3"/>
        <charset val="128"/>
      </rPr>
      <t>0116</t>
    </r>
    <phoneticPr fontId="1"/>
  </si>
  <si>
    <t>相模原市立中野中学校</t>
    <phoneticPr fontId="2"/>
  </si>
  <si>
    <t>なかの</t>
    <phoneticPr fontId="2"/>
  </si>
  <si>
    <r>
      <t>252-0</t>
    </r>
    <r>
      <rPr>
        <sz val="11"/>
        <rFont val="ＭＳ Ｐゴシック"/>
        <family val="3"/>
        <charset val="128"/>
      </rPr>
      <t>157</t>
    </r>
    <phoneticPr fontId="1"/>
  </si>
  <si>
    <t>相模原市立串川中学校</t>
    <phoneticPr fontId="2"/>
  </si>
  <si>
    <t>くしかわ</t>
    <phoneticPr fontId="2"/>
  </si>
  <si>
    <r>
      <t>252-</t>
    </r>
    <r>
      <rPr>
        <sz val="11"/>
        <rFont val="ＭＳ Ｐゴシック"/>
        <family val="3"/>
        <charset val="128"/>
      </rPr>
      <t>0154</t>
    </r>
    <phoneticPr fontId="1"/>
  </si>
  <si>
    <t>相模原市立北相中学校</t>
    <phoneticPr fontId="2"/>
  </si>
  <si>
    <t>ほくそう</t>
    <phoneticPr fontId="2"/>
  </si>
  <si>
    <r>
      <t>252-</t>
    </r>
    <r>
      <rPr>
        <sz val="11"/>
        <rFont val="ＭＳ Ｐゴシック"/>
        <family val="3"/>
        <charset val="128"/>
      </rPr>
      <t>0171</t>
    </r>
    <phoneticPr fontId="1"/>
  </si>
  <si>
    <t>相模原市立内郷中学校</t>
    <phoneticPr fontId="2"/>
  </si>
  <si>
    <t>うちごう</t>
    <phoneticPr fontId="2"/>
  </si>
  <si>
    <r>
      <t>252-</t>
    </r>
    <r>
      <rPr>
        <sz val="11"/>
        <rFont val="ＭＳ Ｐゴシック"/>
        <family val="3"/>
        <charset val="128"/>
      </rPr>
      <t>0176</t>
    </r>
    <phoneticPr fontId="1"/>
  </si>
  <si>
    <t>ふじの</t>
    <phoneticPr fontId="2"/>
  </si>
  <si>
    <r>
      <t>252-</t>
    </r>
    <r>
      <rPr>
        <sz val="11"/>
        <rFont val="ＭＳ Ｐゴシック"/>
        <family val="3"/>
        <charset val="128"/>
      </rPr>
      <t>0184</t>
    </r>
    <phoneticPr fontId="1"/>
  </si>
  <si>
    <t>相模原市立上溝中学校</t>
    <phoneticPr fontId="2"/>
  </si>
  <si>
    <t>かみみぞ</t>
    <phoneticPr fontId="2"/>
  </si>
  <si>
    <r>
      <t>252-</t>
    </r>
    <r>
      <rPr>
        <sz val="11"/>
        <rFont val="ＭＳ Ｐゴシック"/>
        <family val="3"/>
        <charset val="128"/>
      </rPr>
      <t>0242</t>
    </r>
    <phoneticPr fontId="1"/>
  </si>
  <si>
    <t>相模原市立田名中学校</t>
    <phoneticPr fontId="2"/>
  </si>
  <si>
    <t>たな</t>
    <phoneticPr fontId="1"/>
  </si>
  <si>
    <r>
      <t>252-</t>
    </r>
    <r>
      <rPr>
        <sz val="11"/>
        <rFont val="ＭＳ Ｐゴシック"/>
        <family val="3"/>
        <charset val="128"/>
      </rPr>
      <t>0244</t>
    </r>
    <phoneticPr fontId="1"/>
  </si>
  <si>
    <t>相模原市立大野北中学校</t>
    <phoneticPr fontId="2"/>
  </si>
  <si>
    <t>おおのきた</t>
    <phoneticPr fontId="2"/>
  </si>
  <si>
    <r>
      <t>252-0</t>
    </r>
    <r>
      <rPr>
        <sz val="11"/>
        <rFont val="ＭＳ Ｐゴシック"/>
        <family val="3"/>
        <charset val="128"/>
      </rPr>
      <t>206</t>
    </r>
    <phoneticPr fontId="1"/>
  </si>
  <si>
    <t>相模原市立清新中学校</t>
    <phoneticPr fontId="2"/>
  </si>
  <si>
    <t>せいしん</t>
    <phoneticPr fontId="1"/>
  </si>
  <si>
    <r>
      <t>252-</t>
    </r>
    <r>
      <rPr>
        <sz val="11"/>
        <rFont val="ＭＳ Ｐゴシック"/>
        <family val="3"/>
        <charset val="128"/>
      </rPr>
      <t>0216</t>
    </r>
    <phoneticPr fontId="1"/>
  </si>
  <si>
    <t>相模原市立共和中学校</t>
    <phoneticPr fontId="2"/>
  </si>
  <si>
    <t>きょうわ</t>
    <phoneticPr fontId="1"/>
  </si>
  <si>
    <r>
      <t>252-</t>
    </r>
    <r>
      <rPr>
        <sz val="11"/>
        <rFont val="ＭＳ Ｐゴシック"/>
        <family val="3"/>
        <charset val="128"/>
      </rPr>
      <t>0234</t>
    </r>
    <phoneticPr fontId="1"/>
  </si>
  <si>
    <t>相模原市立緑が丘中学校</t>
    <phoneticPr fontId="2"/>
  </si>
  <si>
    <t>みどりがおか</t>
    <phoneticPr fontId="2"/>
  </si>
  <si>
    <r>
      <t>252-</t>
    </r>
    <r>
      <rPr>
        <sz val="11"/>
        <rFont val="ＭＳ Ｐゴシック"/>
        <family val="3"/>
        <charset val="128"/>
      </rPr>
      <t>0225</t>
    </r>
    <phoneticPr fontId="1"/>
  </si>
  <si>
    <t>相模原市立中央中学校</t>
    <phoneticPr fontId="2"/>
  </si>
  <si>
    <t>ちゅうおう</t>
    <phoneticPr fontId="2"/>
  </si>
  <si>
    <r>
      <t>252-</t>
    </r>
    <r>
      <rPr>
        <sz val="11"/>
        <rFont val="ＭＳ Ｐゴシック"/>
        <family val="3"/>
        <charset val="128"/>
      </rPr>
      <t>0236</t>
    </r>
    <phoneticPr fontId="1"/>
  </si>
  <si>
    <t>相模原市立弥栄中学校</t>
    <phoneticPr fontId="2"/>
  </si>
  <si>
    <t>やえい</t>
    <phoneticPr fontId="1"/>
  </si>
  <si>
    <r>
      <t>252-</t>
    </r>
    <r>
      <rPr>
        <sz val="11"/>
        <rFont val="ＭＳ Ｐゴシック"/>
        <family val="3"/>
        <charset val="128"/>
      </rPr>
      <t>0229</t>
    </r>
    <phoneticPr fontId="1"/>
  </si>
  <si>
    <t>相模原市立上溝南中学校</t>
    <phoneticPr fontId="2"/>
  </si>
  <si>
    <t>かみみぞみなみ</t>
    <phoneticPr fontId="2"/>
  </si>
  <si>
    <r>
      <t>252-</t>
    </r>
    <r>
      <rPr>
        <sz val="11"/>
        <rFont val="ＭＳ Ｐゴシック"/>
        <family val="3"/>
        <charset val="128"/>
      </rPr>
      <t>0243</t>
    </r>
    <phoneticPr fontId="1"/>
  </si>
  <si>
    <t>相模原市立小山中学校</t>
    <phoneticPr fontId="2"/>
  </si>
  <si>
    <t>おやま</t>
    <phoneticPr fontId="1"/>
  </si>
  <si>
    <r>
      <t>252-</t>
    </r>
    <r>
      <rPr>
        <sz val="11"/>
        <rFont val="ＭＳ Ｐゴシック"/>
        <family val="3"/>
        <charset val="128"/>
      </rPr>
      <t>0205</t>
    </r>
    <phoneticPr fontId="1"/>
  </si>
  <si>
    <t>相模原市立由野台中学校</t>
    <phoneticPr fontId="2"/>
  </si>
  <si>
    <t>よしのだい</t>
    <phoneticPr fontId="2"/>
  </si>
  <si>
    <r>
      <t>252-0</t>
    </r>
    <r>
      <rPr>
        <sz val="11"/>
        <rFont val="ＭＳ Ｐゴシック"/>
        <family val="3"/>
        <charset val="128"/>
      </rPr>
      <t>222</t>
    </r>
    <phoneticPr fontId="1"/>
  </si>
  <si>
    <t>そうよう</t>
    <phoneticPr fontId="1"/>
  </si>
  <si>
    <r>
      <t>252-0</t>
    </r>
    <r>
      <rPr>
        <sz val="11"/>
        <rFont val="ＭＳ Ｐゴシック"/>
        <family val="3"/>
        <charset val="128"/>
      </rPr>
      <t>327</t>
    </r>
    <phoneticPr fontId="1"/>
  </si>
  <si>
    <t>相模原市立大野南中学校</t>
    <phoneticPr fontId="2"/>
  </si>
  <si>
    <t>おおのみなみ</t>
    <phoneticPr fontId="2"/>
  </si>
  <si>
    <r>
      <t>252-0</t>
    </r>
    <r>
      <rPr>
        <sz val="11"/>
        <rFont val="ＭＳ Ｐゴシック"/>
        <family val="3"/>
        <charset val="128"/>
      </rPr>
      <t>307</t>
    </r>
    <phoneticPr fontId="1"/>
  </si>
  <si>
    <t>相模原市立相模台中学校</t>
    <phoneticPr fontId="2"/>
  </si>
  <si>
    <t>さがみだい</t>
    <phoneticPr fontId="2"/>
  </si>
  <si>
    <r>
      <t>252-0</t>
    </r>
    <r>
      <rPr>
        <sz val="11"/>
        <rFont val="ＭＳ Ｐゴシック"/>
        <family val="3"/>
        <charset val="128"/>
      </rPr>
      <t>315</t>
    </r>
    <phoneticPr fontId="1"/>
  </si>
  <si>
    <t>相模原市立上鶴間中学校</t>
    <phoneticPr fontId="2"/>
  </si>
  <si>
    <t>かみつるま</t>
    <phoneticPr fontId="2"/>
  </si>
  <si>
    <r>
      <t>252-0</t>
    </r>
    <r>
      <rPr>
        <sz val="11"/>
        <rFont val="ＭＳ Ｐゴシック"/>
        <family val="3"/>
        <charset val="128"/>
      </rPr>
      <t>302</t>
    </r>
    <phoneticPr fontId="1"/>
  </si>
  <si>
    <t>相模原市立麻溝台中学校</t>
    <phoneticPr fontId="2"/>
  </si>
  <si>
    <t>あさみぞだい</t>
    <phoneticPr fontId="2"/>
  </si>
  <si>
    <r>
      <t>252-0</t>
    </r>
    <r>
      <rPr>
        <sz val="11"/>
        <rFont val="ＭＳ Ｐゴシック"/>
        <family val="3"/>
        <charset val="128"/>
      </rPr>
      <t>328</t>
    </r>
    <phoneticPr fontId="1"/>
  </si>
  <si>
    <t>相模原市立大野台中学校</t>
    <phoneticPr fontId="2"/>
  </si>
  <si>
    <t>おおのだい</t>
    <phoneticPr fontId="2"/>
  </si>
  <si>
    <r>
      <t>252-</t>
    </r>
    <r>
      <rPr>
        <sz val="11"/>
        <rFont val="ＭＳ Ｐゴシック"/>
        <family val="3"/>
        <charset val="128"/>
      </rPr>
      <t>0331</t>
    </r>
    <phoneticPr fontId="1"/>
  </si>
  <si>
    <t>相模原市立相武台中学校</t>
    <phoneticPr fontId="2"/>
  </si>
  <si>
    <t>そうぶだい</t>
    <phoneticPr fontId="2"/>
  </si>
  <si>
    <r>
      <t>252-</t>
    </r>
    <r>
      <rPr>
        <sz val="11"/>
        <rFont val="ＭＳ Ｐゴシック"/>
        <family val="3"/>
        <charset val="128"/>
      </rPr>
      <t>0325</t>
    </r>
    <phoneticPr fontId="1"/>
  </si>
  <si>
    <t>相模原市立谷口中学校</t>
    <phoneticPr fontId="2"/>
  </si>
  <si>
    <t>やぐち</t>
    <phoneticPr fontId="1"/>
  </si>
  <si>
    <r>
      <t>252-0</t>
    </r>
    <r>
      <rPr>
        <sz val="11"/>
        <rFont val="ＭＳ Ｐゴシック"/>
        <family val="3"/>
        <charset val="128"/>
      </rPr>
      <t>318</t>
    </r>
    <phoneticPr fontId="1"/>
  </si>
  <si>
    <t>相模原市立新町中学校</t>
    <phoneticPr fontId="2"/>
  </si>
  <si>
    <t>しんちょう</t>
    <phoneticPr fontId="2"/>
  </si>
  <si>
    <r>
      <t>252-0</t>
    </r>
    <r>
      <rPr>
        <sz val="11"/>
        <rFont val="ＭＳ Ｐゴシック"/>
        <family val="3"/>
        <charset val="128"/>
      </rPr>
      <t>303</t>
    </r>
    <phoneticPr fontId="1"/>
  </si>
  <si>
    <t>相模原市立若草中学校</t>
    <phoneticPr fontId="2"/>
  </si>
  <si>
    <t>わかくさ</t>
    <phoneticPr fontId="1"/>
  </si>
  <si>
    <r>
      <t>252-0</t>
    </r>
    <r>
      <rPr>
        <sz val="11"/>
        <rFont val="ＭＳ Ｐゴシック"/>
        <family val="3"/>
        <charset val="128"/>
      </rPr>
      <t>325</t>
    </r>
    <phoneticPr fontId="1"/>
  </si>
  <si>
    <t>相模原市立鵜野森中学校</t>
    <phoneticPr fontId="2"/>
  </si>
  <si>
    <t>うのもり</t>
    <phoneticPr fontId="1"/>
  </si>
  <si>
    <r>
      <t>252-0</t>
    </r>
    <r>
      <rPr>
        <sz val="11"/>
        <rFont val="ＭＳ Ｐゴシック"/>
        <family val="3"/>
        <charset val="128"/>
      </rPr>
      <t>301</t>
    </r>
    <phoneticPr fontId="1"/>
  </si>
  <si>
    <t>相模原市立東林中学校</t>
    <phoneticPr fontId="2"/>
  </si>
  <si>
    <t>とうりん</t>
    <phoneticPr fontId="1"/>
  </si>
  <si>
    <t>中学校（相模原市）</t>
    <rPh sb="0" eb="3">
      <t>チュウガッコウ</t>
    </rPh>
    <rPh sb="4" eb="8">
      <t>サガミハラシ</t>
    </rPh>
    <phoneticPr fontId="1"/>
  </si>
  <si>
    <t>ファクシミリ</t>
    <phoneticPr fontId="1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t>相模原市南区文京1-11-1</t>
    <rPh sb="0" eb="4">
      <t>サガミハラシ</t>
    </rPh>
    <rPh sb="4" eb="6">
      <t>ミナミク</t>
    </rPh>
    <rPh sb="6" eb="8">
      <t>ブンキョウ</t>
    </rPh>
    <phoneticPr fontId="1"/>
  </si>
  <si>
    <t>〃分校</t>
    <rPh sb="1" eb="3">
      <t>ブンコウ</t>
    </rPh>
    <phoneticPr fontId="2"/>
  </si>
  <si>
    <t>（分校1校）</t>
    <rPh sb="1" eb="3">
      <t>ブンコウ</t>
    </rPh>
    <rPh sb="4" eb="5">
      <t>コウ</t>
    </rPh>
    <phoneticPr fontId="1"/>
  </si>
  <si>
    <t>（分校1校）</t>
    <phoneticPr fontId="1"/>
  </si>
  <si>
    <t>252-0307</t>
    <phoneticPr fontId="1"/>
  </si>
  <si>
    <t>(042)705-5116</t>
    <phoneticPr fontId="1"/>
  </si>
  <si>
    <t>(042)705-5119</t>
    <phoneticPr fontId="1"/>
  </si>
  <si>
    <r>
      <t>（本校</t>
    </r>
    <r>
      <rPr>
        <sz val="11"/>
        <rFont val="ＭＳ Ｐゴシック"/>
        <family val="3"/>
        <charset val="128"/>
      </rPr>
      <t>11校）</t>
    </r>
    <rPh sb="1" eb="3">
      <t>ホンコウ</t>
    </rPh>
    <rPh sb="5" eb="6">
      <t>コウ</t>
    </rPh>
    <phoneticPr fontId="1"/>
  </si>
  <si>
    <t>（本校34校）</t>
    <rPh sb="1" eb="3">
      <t>ホンコウ</t>
    </rPh>
    <rPh sb="5" eb="6">
      <t>コウ</t>
    </rPh>
    <phoneticPr fontId="1"/>
  </si>
  <si>
    <t>令和７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4" fillId="0" borderId="0" xfId="0" applyFont="1"/>
    <xf numFmtId="0" fontId="4" fillId="0" borderId="0" xfId="0" applyFont="1" applyAlignment="1">
      <alignment horizont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Alignment="1">
      <alignment horizontal="center"/>
    </xf>
    <xf numFmtId="0" fontId="4" fillId="2" borderId="21" xfId="0" applyFont="1" applyFill="1" applyBorder="1" applyAlignment="1">
      <alignment horizontal="center" vertical="center"/>
    </xf>
    <xf numFmtId="0" fontId="4" fillId="2" borderId="22" xfId="0" applyFont="1" applyFill="1" applyBorder="1" applyAlignment="1">
      <alignment horizontal="center" vertical="center"/>
    </xf>
    <xf numFmtId="0" fontId="0" fillId="2" borderId="23" xfId="0" applyFont="1" applyFill="1" applyBorder="1" applyAlignment="1">
      <alignment horizontal="center" vertical="center"/>
    </xf>
    <xf numFmtId="0" fontId="0" fillId="0" borderId="0" xfId="0" applyFont="1" applyFill="1"/>
    <xf numFmtId="0" fontId="4" fillId="0" borderId="2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4" fillId="0" borderId="5" xfId="0" applyNumberFormat="1" applyFont="1" applyFill="1" applyBorder="1" applyAlignment="1">
      <alignment horizontal="left" vertical="center" shrinkToFit="1"/>
    </xf>
    <xf numFmtId="0" fontId="4" fillId="0" borderId="14" xfId="0" applyNumberFormat="1" applyFont="1" applyFill="1" applyBorder="1" applyAlignment="1">
      <alignment horizontal="left" vertical="center" shrinkToFit="1"/>
    </xf>
    <xf numFmtId="0" fontId="4" fillId="0" borderId="16" xfId="0" applyNumberFormat="1" applyFont="1" applyFill="1" applyBorder="1" applyAlignment="1">
      <alignment horizontal="left" vertical="center" shrinkToFit="1"/>
    </xf>
    <xf numFmtId="0" fontId="4" fillId="0" borderId="8" xfId="0" applyNumberFormat="1" applyFont="1" applyFill="1" applyBorder="1" applyAlignment="1">
      <alignment horizontal="left" vertical="center" shrinkToFit="1"/>
    </xf>
    <xf numFmtId="0" fontId="4" fillId="0" borderId="5" xfId="0" applyNumberFormat="1" applyFont="1" applyFill="1" applyBorder="1" applyAlignment="1">
      <alignment vertical="center" shrinkToFit="1"/>
    </xf>
    <xf numFmtId="0" fontId="4" fillId="0" borderId="1" xfId="0" applyNumberFormat="1" applyFont="1" applyFill="1" applyBorder="1" applyAlignment="1">
      <alignment horizontal="center" vertical="center" shrinkToFit="1"/>
    </xf>
    <xf numFmtId="0" fontId="4" fillId="0" borderId="2" xfId="0" applyNumberFormat="1" applyFont="1" applyFill="1" applyBorder="1" applyAlignment="1">
      <alignment horizontal="center" vertical="center" shrinkToFit="1"/>
    </xf>
    <xf numFmtId="0" fontId="4" fillId="0" borderId="0" xfId="0" applyNumberFormat="1" applyFont="1" applyFill="1" applyBorder="1" applyAlignment="1">
      <alignment horizontal="left" vertical="center" shrinkToFit="1"/>
    </xf>
    <xf numFmtId="0" fontId="4" fillId="0" borderId="0" xfId="0" applyNumberFormat="1" applyFont="1" applyFill="1" applyBorder="1" applyAlignment="1">
      <alignment horizontal="center" vertical="center" shrinkToFit="1"/>
    </xf>
    <xf numFmtId="0" fontId="4" fillId="0" borderId="2" xfId="0" applyNumberFormat="1" applyFont="1" applyFill="1" applyBorder="1" applyAlignment="1">
      <alignment vertical="center" shrinkToFit="1"/>
    </xf>
    <xf numFmtId="0" fontId="4" fillId="0" borderId="3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5" fillId="0" borderId="2" xfId="0" applyNumberFormat="1" applyFont="1" applyFill="1" applyBorder="1" applyAlignment="1">
      <alignment horizontal="center" vertical="center" shrinkToFit="1"/>
    </xf>
    <xf numFmtId="0" fontId="4" fillId="0" borderId="4" xfId="0" applyNumberFormat="1" applyFont="1" applyFill="1" applyBorder="1" applyAlignment="1">
      <alignment horizontal="left" vertical="center" shrinkToFit="1"/>
    </xf>
    <xf numFmtId="0" fontId="4" fillId="0" borderId="6" xfId="0" applyNumberFormat="1" applyFont="1" applyFill="1" applyBorder="1" applyAlignment="1">
      <alignment horizontal="center" vertical="center" shrinkToFit="1"/>
    </xf>
    <xf numFmtId="0" fontId="4" fillId="0" borderId="5" xfId="0" applyNumberFormat="1" applyFont="1" applyFill="1" applyBorder="1" applyAlignment="1">
      <alignment horizontal="center" vertical="center" shrinkToFit="1"/>
    </xf>
    <xf numFmtId="0" fontId="4" fillId="0" borderId="7" xfId="0" applyNumberFormat="1" applyFont="1" applyFill="1" applyBorder="1" applyAlignment="1">
      <alignment horizontal="center" vertical="center" shrinkToFit="1"/>
    </xf>
    <xf numFmtId="0" fontId="4" fillId="0" borderId="13" xfId="0" applyNumberFormat="1" applyFont="1" applyFill="1" applyBorder="1" applyAlignment="1">
      <alignment horizontal="left" vertical="center" shrinkToFit="1"/>
    </xf>
    <xf numFmtId="0" fontId="4" fillId="0" borderId="14" xfId="0" applyNumberFormat="1" applyFont="1" applyFill="1" applyBorder="1" applyAlignment="1">
      <alignment horizontal="center" vertical="center" shrinkToFit="1"/>
    </xf>
    <xf numFmtId="0" fontId="4" fillId="0" borderId="15" xfId="0" applyNumberFormat="1" applyFont="1" applyFill="1" applyBorder="1" applyAlignment="1">
      <alignment horizontal="left" vertical="center" shrinkToFit="1"/>
    </xf>
    <xf numFmtId="0" fontId="4" fillId="0" borderId="15" xfId="0" applyNumberFormat="1" applyFont="1" applyFill="1" applyBorder="1" applyAlignment="1">
      <alignment horizontal="center" vertical="center" shrinkToFit="1"/>
    </xf>
    <xf numFmtId="0" fontId="4" fillId="0" borderId="14" xfId="0" applyNumberFormat="1" applyFont="1" applyFill="1" applyBorder="1" applyAlignment="1">
      <alignment vertical="center" shrinkToFit="1"/>
    </xf>
    <xf numFmtId="0" fontId="4" fillId="0" borderId="24" xfId="0" applyNumberFormat="1" applyFont="1" applyFill="1" applyBorder="1" applyAlignment="1">
      <alignment horizontal="center" vertical="center" shrinkToFit="1"/>
    </xf>
    <xf numFmtId="0" fontId="4" fillId="0" borderId="16" xfId="0" applyNumberFormat="1" applyFont="1" applyFill="1" applyBorder="1" applyAlignment="1">
      <alignment horizontal="center" vertical="center" shrinkToFit="1"/>
    </xf>
    <xf numFmtId="0" fontId="4" fillId="0" borderId="17" xfId="0" applyNumberFormat="1" applyFont="1" applyFill="1" applyBorder="1" applyAlignment="1">
      <alignment horizontal="left" vertical="center" shrinkToFit="1"/>
    </xf>
    <xf numFmtId="0" fontId="4" fillId="0" borderId="18" xfId="0" applyNumberFormat="1" applyFont="1" applyFill="1" applyBorder="1" applyAlignment="1">
      <alignment horizontal="center" vertical="center" shrinkToFit="1"/>
    </xf>
    <xf numFmtId="0" fontId="4" fillId="0" borderId="16" xfId="0" applyNumberFormat="1" applyFont="1" applyFill="1" applyBorder="1" applyAlignment="1">
      <alignment vertical="center" shrinkToFit="1"/>
    </xf>
    <xf numFmtId="0" fontId="4" fillId="0" borderId="25" xfId="0" applyNumberFormat="1" applyFont="1" applyFill="1" applyBorder="1" applyAlignment="1">
      <alignment horizontal="center" vertical="center" shrinkToFit="1"/>
    </xf>
    <xf numFmtId="0" fontId="6" fillId="0" borderId="5" xfId="0" applyNumberFormat="1" applyFont="1" applyFill="1" applyBorder="1" applyAlignment="1">
      <alignment vertical="center" shrinkToFit="1"/>
    </xf>
    <xf numFmtId="0" fontId="4" fillId="0" borderId="12" xfId="0" applyNumberFormat="1" applyFont="1" applyFill="1" applyBorder="1" applyAlignment="1">
      <alignment horizontal="center" vertical="center" shrinkToFit="1"/>
    </xf>
    <xf numFmtId="0" fontId="4" fillId="0" borderId="8" xfId="0" applyNumberFormat="1" applyFont="1" applyFill="1" applyBorder="1" applyAlignment="1">
      <alignment horizontal="center" vertical="center" shrinkToFit="1"/>
    </xf>
    <xf numFmtId="0" fontId="4" fillId="0" borderId="9" xfId="0" applyNumberFormat="1" applyFont="1" applyFill="1" applyBorder="1" applyAlignment="1">
      <alignment horizontal="left" vertical="center" shrinkToFit="1"/>
    </xf>
    <xf numFmtId="0" fontId="4" fillId="0" borderId="10" xfId="0" applyNumberFormat="1" applyFont="1" applyFill="1" applyBorder="1" applyAlignment="1">
      <alignment horizontal="center" vertical="center" shrinkToFit="1"/>
    </xf>
    <xf numFmtId="0" fontId="4" fillId="0" borderId="8" xfId="0" applyNumberFormat="1" applyFont="1" applyFill="1" applyBorder="1" applyAlignment="1">
      <alignment vertical="center" shrinkToFit="1"/>
    </xf>
    <xf numFmtId="0" fontId="4" fillId="0" borderId="11" xfId="0" applyNumberFormat="1" applyFont="1" applyFill="1" applyBorder="1" applyAlignment="1">
      <alignment horizontal="center" vertical="center" shrinkToFit="1"/>
    </xf>
    <xf numFmtId="0" fontId="7" fillId="0" borderId="1" xfId="0" applyNumberFormat="1" applyFont="1" applyFill="1" applyBorder="1" applyAlignment="1">
      <alignment horizontal="center" vertical="center" shrinkToFit="1"/>
    </xf>
    <xf numFmtId="0" fontId="4" fillId="2" borderId="19" xfId="0" applyFont="1" applyFill="1" applyBorder="1" applyAlignment="1">
      <alignment horizontal="center" vertical="center"/>
    </xf>
    <xf numFmtId="0" fontId="4" fillId="2" borderId="20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39"/>
  <sheetViews>
    <sheetView showGridLines="0" tabSelected="1" zoomScaleNormal="100" workbookViewId="0">
      <pane ySplit="4" topLeftCell="A5" activePane="bottomLeft" state="frozen"/>
      <selection pane="bottomLeft" activeCell="L13" sqref="L13"/>
    </sheetView>
  </sheetViews>
  <sheetFormatPr defaultRowHeight="13.2" x14ac:dyDescent="0.2"/>
  <cols>
    <col min="1" max="1" width="1.21875" style="2" customWidth="1"/>
    <col min="2" max="2" width="12" style="7" customWidth="1"/>
    <col min="3" max="3" width="13.88671875" style="7" customWidth="1"/>
    <col min="4" max="4" width="25.21875" style="4" customWidth="1"/>
    <col min="5" max="5" width="21.109375" style="4" customWidth="1"/>
    <col min="6" max="6" width="9.44140625" style="4" customWidth="1"/>
    <col min="7" max="7" width="28.21875" style="4" customWidth="1"/>
    <col min="8" max="8" width="16.33203125" style="4" customWidth="1"/>
    <col min="9" max="9" width="16.33203125" style="5" customWidth="1"/>
    <col min="10" max="10" width="9" style="2"/>
  </cols>
  <sheetData>
    <row r="2" spans="1:10" x14ac:dyDescent="0.2">
      <c r="B2" s="6" t="s">
        <v>214</v>
      </c>
      <c r="C2" s="6"/>
      <c r="F2" s="5"/>
      <c r="H2" s="5"/>
    </row>
    <row r="3" spans="1:10" ht="13.8" thickBot="1" x14ac:dyDescent="0.25">
      <c r="F3" s="5"/>
      <c r="H3" s="58" t="s">
        <v>226</v>
      </c>
      <c r="I3" s="58"/>
    </row>
    <row r="4" spans="1:10" s="1" customFormat="1" ht="30" customHeight="1" x14ac:dyDescent="0.2">
      <c r="A4" s="3"/>
      <c r="B4" s="56" t="s">
        <v>3</v>
      </c>
      <c r="C4" s="57"/>
      <c r="D4" s="8" t="s">
        <v>4</v>
      </c>
      <c r="E4" s="9" t="s">
        <v>49</v>
      </c>
      <c r="F4" s="8" t="s">
        <v>5</v>
      </c>
      <c r="G4" s="9" t="s">
        <v>6</v>
      </c>
      <c r="H4" s="9" t="s">
        <v>7</v>
      </c>
      <c r="I4" s="10" t="s">
        <v>215</v>
      </c>
      <c r="J4" s="3"/>
    </row>
    <row r="5" spans="1:10" s="2" customFormat="1" x14ac:dyDescent="0.2">
      <c r="B5" s="19" t="s">
        <v>0</v>
      </c>
      <c r="C5" s="20" t="s">
        <v>2</v>
      </c>
      <c r="D5" s="21" t="s">
        <v>119</v>
      </c>
      <c r="E5" s="12" t="s">
        <v>120</v>
      </c>
      <c r="F5" s="22" t="s">
        <v>121</v>
      </c>
      <c r="G5" s="23" t="s">
        <v>48</v>
      </c>
      <c r="H5" s="20" t="s">
        <v>50</v>
      </c>
      <c r="I5" s="24" t="s">
        <v>51</v>
      </c>
    </row>
    <row r="6" spans="1:10" s="11" customFormat="1" x14ac:dyDescent="0.2">
      <c r="B6" s="25" t="s">
        <v>225</v>
      </c>
      <c r="C6" s="26" t="s">
        <v>224</v>
      </c>
      <c r="D6" s="27" t="s">
        <v>122</v>
      </c>
      <c r="E6" s="13" t="s">
        <v>118</v>
      </c>
      <c r="F6" s="28" t="s">
        <v>216</v>
      </c>
      <c r="G6" s="29" t="s">
        <v>47</v>
      </c>
      <c r="H6" s="30" t="s">
        <v>52</v>
      </c>
      <c r="I6" s="31" t="s">
        <v>53</v>
      </c>
    </row>
    <row r="7" spans="1:10" s="2" customFormat="1" x14ac:dyDescent="0.2">
      <c r="B7" s="55" t="s">
        <v>220</v>
      </c>
      <c r="C7" s="32"/>
      <c r="D7" s="33" t="s">
        <v>124</v>
      </c>
      <c r="E7" s="14" t="s">
        <v>125</v>
      </c>
      <c r="F7" s="34" t="s">
        <v>123</v>
      </c>
      <c r="G7" s="18" t="s">
        <v>46</v>
      </c>
      <c r="H7" s="35" t="s">
        <v>54</v>
      </c>
      <c r="I7" s="36" t="s">
        <v>55</v>
      </c>
    </row>
    <row r="8" spans="1:10" s="2" customFormat="1" x14ac:dyDescent="0.2">
      <c r="B8" s="19"/>
      <c r="C8" s="20"/>
      <c r="D8" s="33" t="s">
        <v>126</v>
      </c>
      <c r="E8" s="14" t="s">
        <v>127</v>
      </c>
      <c r="F8" s="34" t="s">
        <v>128</v>
      </c>
      <c r="G8" s="18" t="s">
        <v>45</v>
      </c>
      <c r="H8" s="35" t="s">
        <v>56</v>
      </c>
      <c r="I8" s="36" t="s">
        <v>57</v>
      </c>
    </row>
    <row r="9" spans="1:10" s="2" customFormat="1" x14ac:dyDescent="0.2">
      <c r="B9" s="19"/>
      <c r="C9" s="20"/>
      <c r="D9" s="33" t="s">
        <v>44</v>
      </c>
      <c r="E9" s="14" t="s">
        <v>129</v>
      </c>
      <c r="F9" s="34" t="s">
        <v>130</v>
      </c>
      <c r="G9" s="18" t="s">
        <v>43</v>
      </c>
      <c r="H9" s="35" t="s">
        <v>58</v>
      </c>
      <c r="I9" s="36" t="s">
        <v>59</v>
      </c>
    </row>
    <row r="10" spans="1:10" s="2" customFormat="1" x14ac:dyDescent="0.2">
      <c r="B10" s="19"/>
      <c r="C10" s="20"/>
      <c r="D10" s="33" t="s">
        <v>42</v>
      </c>
      <c r="E10" s="14" t="s">
        <v>131</v>
      </c>
      <c r="F10" s="34" t="s">
        <v>132</v>
      </c>
      <c r="G10" s="18" t="s">
        <v>41</v>
      </c>
      <c r="H10" s="35" t="s">
        <v>60</v>
      </c>
      <c r="I10" s="36" t="s">
        <v>61</v>
      </c>
    </row>
    <row r="11" spans="1:10" s="2" customFormat="1" x14ac:dyDescent="0.2">
      <c r="B11" s="19"/>
      <c r="C11" s="20"/>
      <c r="D11" s="33" t="s">
        <v>133</v>
      </c>
      <c r="E11" s="14" t="s">
        <v>134</v>
      </c>
      <c r="F11" s="34" t="s">
        <v>135</v>
      </c>
      <c r="G11" s="18" t="s">
        <v>40</v>
      </c>
      <c r="H11" s="35" t="s">
        <v>62</v>
      </c>
      <c r="I11" s="36" t="s">
        <v>63</v>
      </c>
    </row>
    <row r="12" spans="1:10" s="2" customFormat="1" x14ac:dyDescent="0.2">
      <c r="B12" s="19"/>
      <c r="C12" s="20"/>
      <c r="D12" s="33" t="s">
        <v>136</v>
      </c>
      <c r="E12" s="14" t="s">
        <v>137</v>
      </c>
      <c r="F12" s="34" t="s">
        <v>138</v>
      </c>
      <c r="G12" s="18" t="s">
        <v>39</v>
      </c>
      <c r="H12" s="35" t="s">
        <v>64</v>
      </c>
      <c r="I12" s="36" t="s">
        <v>65</v>
      </c>
    </row>
    <row r="13" spans="1:10" s="2" customFormat="1" x14ac:dyDescent="0.2">
      <c r="B13" s="19"/>
      <c r="C13" s="20"/>
      <c r="D13" s="33" t="s">
        <v>139</v>
      </c>
      <c r="E13" s="14" t="s">
        <v>140</v>
      </c>
      <c r="F13" s="28" t="s">
        <v>141</v>
      </c>
      <c r="G13" s="18" t="s">
        <v>38</v>
      </c>
      <c r="H13" s="35" t="s">
        <v>66</v>
      </c>
      <c r="I13" s="36" t="s">
        <v>67</v>
      </c>
    </row>
    <row r="14" spans="1:10" s="2" customFormat="1" x14ac:dyDescent="0.2">
      <c r="B14" s="19"/>
      <c r="C14" s="20"/>
      <c r="D14" s="33" t="s">
        <v>142</v>
      </c>
      <c r="E14" s="14" t="s">
        <v>143</v>
      </c>
      <c r="F14" s="34" t="s">
        <v>144</v>
      </c>
      <c r="G14" s="18" t="s">
        <v>37</v>
      </c>
      <c r="H14" s="35" t="s">
        <v>68</v>
      </c>
      <c r="I14" s="36" t="s">
        <v>69</v>
      </c>
    </row>
    <row r="15" spans="1:10" s="2" customFormat="1" x14ac:dyDescent="0.2">
      <c r="B15" s="19"/>
      <c r="C15" s="20"/>
      <c r="D15" s="37" t="s">
        <v>36</v>
      </c>
      <c r="E15" s="12" t="s">
        <v>145</v>
      </c>
      <c r="F15" s="22" t="s">
        <v>146</v>
      </c>
      <c r="G15" s="23" t="s">
        <v>35</v>
      </c>
      <c r="H15" s="20" t="s">
        <v>70</v>
      </c>
      <c r="I15" s="24" t="s">
        <v>71</v>
      </c>
    </row>
    <row r="16" spans="1:10" s="2" customFormat="1" x14ac:dyDescent="0.2">
      <c r="B16" s="19"/>
      <c r="C16" s="38" t="s">
        <v>34</v>
      </c>
      <c r="D16" s="39" t="s">
        <v>147</v>
      </c>
      <c r="E16" s="15" t="s">
        <v>148</v>
      </c>
      <c r="F16" s="40" t="s">
        <v>149</v>
      </c>
      <c r="G16" s="41" t="s">
        <v>33</v>
      </c>
      <c r="H16" s="38" t="s">
        <v>72</v>
      </c>
      <c r="I16" s="42" t="s">
        <v>73</v>
      </c>
    </row>
    <row r="17" spans="2:9" s="2" customFormat="1" x14ac:dyDescent="0.2">
      <c r="B17" s="19"/>
      <c r="C17" s="20" t="s">
        <v>32</v>
      </c>
      <c r="D17" s="33" t="s">
        <v>150</v>
      </c>
      <c r="E17" s="14" t="s">
        <v>151</v>
      </c>
      <c r="F17" s="34" t="s">
        <v>152</v>
      </c>
      <c r="G17" s="18" t="s">
        <v>31</v>
      </c>
      <c r="H17" s="35" t="s">
        <v>74</v>
      </c>
      <c r="I17" s="36" t="s">
        <v>75</v>
      </c>
    </row>
    <row r="18" spans="2:9" s="2" customFormat="1" x14ac:dyDescent="0.2">
      <c r="B18" s="19"/>
      <c r="C18" s="20"/>
      <c r="D18" s="33" t="s">
        <v>153</v>
      </c>
      <c r="E18" s="14" t="s">
        <v>154</v>
      </c>
      <c r="F18" s="34" t="s">
        <v>155</v>
      </c>
      <c r="G18" s="18" t="s">
        <v>30</v>
      </c>
      <c r="H18" s="35" t="s">
        <v>76</v>
      </c>
      <c r="I18" s="36" t="s">
        <v>77</v>
      </c>
    </row>
    <row r="19" spans="2:9" s="2" customFormat="1" x14ac:dyDescent="0.2">
      <c r="B19" s="19"/>
      <c r="C19" s="20"/>
      <c r="D19" s="33" t="s">
        <v>156</v>
      </c>
      <c r="E19" s="14" t="s">
        <v>157</v>
      </c>
      <c r="F19" s="34" t="s">
        <v>158</v>
      </c>
      <c r="G19" s="18" t="s">
        <v>29</v>
      </c>
      <c r="H19" s="35" t="s">
        <v>78</v>
      </c>
      <c r="I19" s="36" t="s">
        <v>79</v>
      </c>
    </row>
    <row r="20" spans="2:9" s="2" customFormat="1" x14ac:dyDescent="0.2">
      <c r="B20" s="19"/>
      <c r="C20" s="20"/>
      <c r="D20" s="33" t="s">
        <v>159</v>
      </c>
      <c r="E20" s="14" t="s">
        <v>160</v>
      </c>
      <c r="F20" s="34" t="s">
        <v>161</v>
      </c>
      <c r="G20" s="18" t="s">
        <v>28</v>
      </c>
      <c r="H20" s="35" t="s">
        <v>80</v>
      </c>
      <c r="I20" s="36" t="s">
        <v>81</v>
      </c>
    </row>
    <row r="21" spans="2:9" s="2" customFormat="1" x14ac:dyDescent="0.2">
      <c r="B21" s="19"/>
      <c r="C21" s="20"/>
      <c r="D21" s="33" t="s">
        <v>162</v>
      </c>
      <c r="E21" s="14" t="s">
        <v>163</v>
      </c>
      <c r="F21" s="34" t="s">
        <v>164</v>
      </c>
      <c r="G21" s="18" t="s">
        <v>27</v>
      </c>
      <c r="H21" s="35" t="s">
        <v>82</v>
      </c>
      <c r="I21" s="36" t="s">
        <v>83</v>
      </c>
    </row>
    <row r="22" spans="2:9" s="2" customFormat="1" x14ac:dyDescent="0.2">
      <c r="B22" s="19"/>
      <c r="C22" s="20"/>
      <c r="D22" s="33" t="s">
        <v>165</v>
      </c>
      <c r="E22" s="14" t="s">
        <v>166</v>
      </c>
      <c r="F22" s="34" t="s">
        <v>167</v>
      </c>
      <c r="G22" s="18" t="s">
        <v>26</v>
      </c>
      <c r="H22" s="35" t="s">
        <v>84</v>
      </c>
      <c r="I22" s="36" t="s">
        <v>85</v>
      </c>
    </row>
    <row r="23" spans="2:9" s="2" customFormat="1" x14ac:dyDescent="0.2">
      <c r="B23" s="19"/>
      <c r="C23" s="20"/>
      <c r="D23" s="33" t="s">
        <v>168</v>
      </c>
      <c r="E23" s="14" t="s">
        <v>169</v>
      </c>
      <c r="F23" s="34" t="s">
        <v>170</v>
      </c>
      <c r="G23" s="18" t="s">
        <v>25</v>
      </c>
      <c r="H23" s="35" t="s">
        <v>86</v>
      </c>
      <c r="I23" s="36" t="s">
        <v>87</v>
      </c>
    </row>
    <row r="24" spans="2:9" s="2" customFormat="1" x14ac:dyDescent="0.2">
      <c r="B24" s="19"/>
      <c r="C24" s="20"/>
      <c r="D24" s="33" t="s">
        <v>171</v>
      </c>
      <c r="E24" s="14" t="s">
        <v>172</v>
      </c>
      <c r="F24" s="34" t="s">
        <v>173</v>
      </c>
      <c r="G24" s="18" t="s">
        <v>24</v>
      </c>
      <c r="H24" s="35" t="s">
        <v>88</v>
      </c>
      <c r="I24" s="36" t="s">
        <v>89</v>
      </c>
    </row>
    <row r="25" spans="2:9" s="2" customFormat="1" x14ac:dyDescent="0.2">
      <c r="B25" s="19"/>
      <c r="C25" s="20"/>
      <c r="D25" s="33" t="s">
        <v>174</v>
      </c>
      <c r="E25" s="14" t="s">
        <v>175</v>
      </c>
      <c r="F25" s="34" t="s">
        <v>176</v>
      </c>
      <c r="G25" s="18" t="s">
        <v>23</v>
      </c>
      <c r="H25" s="35" t="s">
        <v>90</v>
      </c>
      <c r="I25" s="36" t="s">
        <v>91</v>
      </c>
    </row>
    <row r="26" spans="2:9" s="2" customFormat="1" x14ac:dyDescent="0.2">
      <c r="B26" s="19"/>
      <c r="C26" s="43"/>
      <c r="D26" s="44" t="s">
        <v>177</v>
      </c>
      <c r="E26" s="16" t="s">
        <v>178</v>
      </c>
      <c r="F26" s="45" t="s">
        <v>179</v>
      </c>
      <c r="G26" s="46" t="s">
        <v>22</v>
      </c>
      <c r="H26" s="43" t="s">
        <v>92</v>
      </c>
      <c r="I26" s="47" t="s">
        <v>93</v>
      </c>
    </row>
    <row r="27" spans="2:9" s="2" customFormat="1" x14ac:dyDescent="0.2">
      <c r="B27" s="19"/>
      <c r="C27" s="20" t="s">
        <v>21</v>
      </c>
      <c r="D27" s="21" t="s">
        <v>20</v>
      </c>
      <c r="E27" s="12" t="s">
        <v>180</v>
      </c>
      <c r="F27" s="22" t="s">
        <v>181</v>
      </c>
      <c r="G27" s="23" t="s">
        <v>19</v>
      </c>
      <c r="H27" s="20" t="s">
        <v>94</v>
      </c>
      <c r="I27" s="24" t="s">
        <v>95</v>
      </c>
    </row>
    <row r="28" spans="2:9" s="2" customFormat="1" x14ac:dyDescent="0.2">
      <c r="B28" s="19"/>
      <c r="C28" s="20" t="s">
        <v>1</v>
      </c>
      <c r="D28" s="33" t="s">
        <v>182</v>
      </c>
      <c r="E28" s="14" t="s">
        <v>183</v>
      </c>
      <c r="F28" s="34" t="s">
        <v>184</v>
      </c>
      <c r="G28" s="18" t="s">
        <v>18</v>
      </c>
      <c r="H28" s="35" t="s">
        <v>96</v>
      </c>
      <c r="I28" s="36" t="s">
        <v>97</v>
      </c>
    </row>
    <row r="29" spans="2:9" s="2" customFormat="1" x14ac:dyDescent="0.2">
      <c r="B29" s="19"/>
      <c r="C29" s="26" t="s">
        <v>219</v>
      </c>
      <c r="D29" s="27" t="s">
        <v>218</v>
      </c>
      <c r="E29" s="13" t="s">
        <v>183</v>
      </c>
      <c r="F29" s="28" t="s">
        <v>221</v>
      </c>
      <c r="G29" s="29" t="s">
        <v>217</v>
      </c>
      <c r="H29" s="30" t="s">
        <v>222</v>
      </c>
      <c r="I29" s="31" t="s">
        <v>223</v>
      </c>
    </row>
    <row r="30" spans="2:9" s="2" customFormat="1" x14ac:dyDescent="0.2">
      <c r="B30" s="19"/>
      <c r="C30" s="20"/>
      <c r="D30" s="33" t="s">
        <v>185</v>
      </c>
      <c r="E30" s="14" t="s">
        <v>186</v>
      </c>
      <c r="F30" s="34" t="s">
        <v>187</v>
      </c>
      <c r="G30" s="18" t="s">
        <v>17</v>
      </c>
      <c r="H30" s="35" t="s">
        <v>98</v>
      </c>
      <c r="I30" s="36" t="s">
        <v>99</v>
      </c>
    </row>
    <row r="31" spans="2:9" s="2" customFormat="1" x14ac:dyDescent="0.2">
      <c r="B31" s="19"/>
      <c r="C31" s="20"/>
      <c r="D31" s="33" t="s">
        <v>188</v>
      </c>
      <c r="E31" s="14" t="s">
        <v>189</v>
      </c>
      <c r="F31" s="34" t="s">
        <v>190</v>
      </c>
      <c r="G31" s="18" t="s">
        <v>16</v>
      </c>
      <c r="H31" s="35" t="s">
        <v>100</v>
      </c>
      <c r="I31" s="36" t="s">
        <v>101</v>
      </c>
    </row>
    <row r="32" spans="2:9" s="2" customFormat="1" x14ac:dyDescent="0.2">
      <c r="B32" s="19"/>
      <c r="C32" s="20"/>
      <c r="D32" s="33" t="s">
        <v>191</v>
      </c>
      <c r="E32" s="14" t="s">
        <v>192</v>
      </c>
      <c r="F32" s="34" t="s">
        <v>193</v>
      </c>
      <c r="G32" s="18" t="s">
        <v>15</v>
      </c>
      <c r="H32" s="35" t="s">
        <v>102</v>
      </c>
      <c r="I32" s="36" t="s">
        <v>103</v>
      </c>
    </row>
    <row r="33" spans="2:9" s="2" customFormat="1" x14ac:dyDescent="0.2">
      <c r="B33" s="19"/>
      <c r="C33" s="20"/>
      <c r="D33" s="33" t="s">
        <v>194</v>
      </c>
      <c r="E33" s="14" t="s">
        <v>195</v>
      </c>
      <c r="F33" s="34" t="s">
        <v>196</v>
      </c>
      <c r="G33" s="18" t="s">
        <v>14</v>
      </c>
      <c r="H33" s="35" t="s">
        <v>104</v>
      </c>
      <c r="I33" s="36" t="s">
        <v>105</v>
      </c>
    </row>
    <row r="34" spans="2:9" s="2" customFormat="1" x14ac:dyDescent="0.2">
      <c r="B34" s="19"/>
      <c r="C34" s="20"/>
      <c r="D34" s="33" t="s">
        <v>197</v>
      </c>
      <c r="E34" s="14" t="s">
        <v>198</v>
      </c>
      <c r="F34" s="34" t="s">
        <v>199</v>
      </c>
      <c r="G34" s="18" t="s">
        <v>13</v>
      </c>
      <c r="H34" s="35" t="s">
        <v>106</v>
      </c>
      <c r="I34" s="36" t="s">
        <v>107</v>
      </c>
    </row>
    <row r="35" spans="2:9" s="2" customFormat="1" ht="13.5" customHeight="1" x14ac:dyDescent="0.2">
      <c r="B35" s="19"/>
      <c r="C35" s="20"/>
      <c r="D35" s="33" t="s">
        <v>200</v>
      </c>
      <c r="E35" s="14" t="s">
        <v>201</v>
      </c>
      <c r="F35" s="34" t="s">
        <v>202</v>
      </c>
      <c r="G35" s="48" t="s">
        <v>12</v>
      </c>
      <c r="H35" s="35" t="s">
        <v>108</v>
      </c>
      <c r="I35" s="36" t="s">
        <v>109</v>
      </c>
    </row>
    <row r="36" spans="2:9" s="2" customFormat="1" x14ac:dyDescent="0.2">
      <c r="B36" s="19"/>
      <c r="C36" s="20"/>
      <c r="D36" s="33" t="s">
        <v>203</v>
      </c>
      <c r="E36" s="14" t="s">
        <v>204</v>
      </c>
      <c r="F36" s="34" t="s">
        <v>205</v>
      </c>
      <c r="G36" s="18" t="s">
        <v>11</v>
      </c>
      <c r="H36" s="35" t="s">
        <v>110</v>
      </c>
      <c r="I36" s="36" t="s">
        <v>111</v>
      </c>
    </row>
    <row r="37" spans="2:9" s="2" customFormat="1" x14ac:dyDescent="0.2">
      <c r="B37" s="19"/>
      <c r="C37" s="20"/>
      <c r="D37" s="33" t="s">
        <v>206</v>
      </c>
      <c r="E37" s="14" t="s">
        <v>207</v>
      </c>
      <c r="F37" s="34" t="s">
        <v>208</v>
      </c>
      <c r="G37" s="18" t="s">
        <v>10</v>
      </c>
      <c r="H37" s="35" t="s">
        <v>112</v>
      </c>
      <c r="I37" s="36" t="s">
        <v>113</v>
      </c>
    </row>
    <row r="38" spans="2:9" s="2" customFormat="1" x14ac:dyDescent="0.2">
      <c r="B38" s="19"/>
      <c r="C38" s="20"/>
      <c r="D38" s="33" t="s">
        <v>209</v>
      </c>
      <c r="E38" s="14" t="s">
        <v>210</v>
      </c>
      <c r="F38" s="34" t="s">
        <v>211</v>
      </c>
      <c r="G38" s="18" t="s">
        <v>9</v>
      </c>
      <c r="H38" s="35" t="s">
        <v>114</v>
      </c>
      <c r="I38" s="36" t="s">
        <v>115</v>
      </c>
    </row>
    <row r="39" spans="2:9" s="2" customFormat="1" ht="13.8" thickBot="1" x14ac:dyDescent="0.25">
      <c r="B39" s="49"/>
      <c r="C39" s="50"/>
      <c r="D39" s="51" t="s">
        <v>212</v>
      </c>
      <c r="E39" s="17" t="s">
        <v>213</v>
      </c>
      <c r="F39" s="52" t="s">
        <v>190</v>
      </c>
      <c r="G39" s="53" t="s">
        <v>8</v>
      </c>
      <c r="H39" s="50" t="s">
        <v>116</v>
      </c>
      <c r="I39" s="54" t="s">
        <v>117</v>
      </c>
    </row>
  </sheetData>
  <mergeCells count="2">
    <mergeCell ref="B4:C4"/>
    <mergeCell ref="H3:I3"/>
  </mergeCells>
  <phoneticPr fontId="1"/>
  <dataValidations count="1">
    <dataValidation type="custom" allowBlank="1" showInputMessage="1" showErrorMessage="1" error="登録済みです！" sqref="I5:I39">
      <formula1>COUNTIF(I:I,I5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6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相模原市）</vt:lpstr>
      <vt:lpstr>'中学校（相模原市）'!Print_Area</vt:lpstr>
      <vt:lpstr>'中学校（相模原市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総務室　石丸</cp:lastModifiedBy>
  <cp:lastPrinted>2020-03-29T05:59:41Z</cp:lastPrinted>
  <dcterms:created xsi:type="dcterms:W3CDTF">2009-12-22T05:33:52Z</dcterms:created>
  <dcterms:modified xsi:type="dcterms:W3CDTF">2025-03-21T06:13:53Z</dcterms:modified>
</cp:coreProperties>
</file>